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10459" w:type="dxa"/>
        <w:tblInd w:w="-3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259"/>
        <w:gridCol w:w="1695"/>
        <w:gridCol w:w="569"/>
        <w:gridCol w:w="562"/>
        <w:gridCol w:w="922"/>
        <w:gridCol w:w="1452"/>
      </w:tblGrid>
      <w:tr w:rsidR="006924BB" w:rsidRPr="000244E1" w14:paraId="2320978A" w14:textId="168FB81C" w:rsidTr="004714B7">
        <w:trPr>
          <w:trHeight w:val="352"/>
        </w:trPr>
        <w:tc>
          <w:tcPr>
            <w:tcW w:w="5259" w:type="dxa"/>
            <w:shd w:val="clear" w:color="auto" w:fill="F2F2F2" w:themeFill="background1" w:themeFillShade="F2"/>
            <w:vAlign w:val="bottom"/>
          </w:tcPr>
          <w:p w14:paraId="7C26571A" w14:textId="6BF53283" w:rsidR="006924BB" w:rsidRPr="004714B7" w:rsidRDefault="006924BB" w:rsidP="00DF5640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>Rozgrywki:</w:t>
            </w:r>
          </w:p>
        </w:tc>
        <w:tc>
          <w:tcPr>
            <w:tcW w:w="2826" w:type="dxa"/>
            <w:gridSpan w:val="3"/>
            <w:shd w:val="clear" w:color="auto" w:fill="F2F2F2" w:themeFill="background1" w:themeFillShade="F2"/>
            <w:vAlign w:val="bottom"/>
          </w:tcPr>
          <w:p w14:paraId="65E87D6C" w14:textId="250A3F01" w:rsidR="006924BB" w:rsidRPr="00A01C32" w:rsidRDefault="006924BB" w:rsidP="00DF5640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A01C32">
              <w:rPr>
                <w:rFonts w:ascii="PZPN" w:hAnsi="PZPN" w:cs="Arial"/>
                <w:b/>
                <w:sz w:val="20"/>
              </w:rPr>
              <w:t>Sezon: …</w:t>
            </w:r>
            <w:r w:rsidR="000177DB" w:rsidRPr="00A01C32">
              <w:rPr>
                <w:rFonts w:ascii="PZPN" w:hAnsi="PZPN" w:cs="Arial"/>
                <w:b/>
                <w:sz w:val="20"/>
              </w:rPr>
              <w:t>.</w:t>
            </w:r>
            <w:r w:rsidR="00870403" w:rsidRPr="00A01C32">
              <w:rPr>
                <w:rFonts w:ascii="PZPN" w:hAnsi="PZPN" w:cs="Arial"/>
                <w:b/>
                <w:sz w:val="20"/>
              </w:rPr>
              <w:t>.</w:t>
            </w:r>
            <w:r w:rsidRPr="00A01C32">
              <w:rPr>
                <w:rFonts w:ascii="PZPN" w:hAnsi="PZPN" w:cs="Arial"/>
                <w:b/>
                <w:sz w:val="20"/>
              </w:rPr>
              <w:t>….</w:t>
            </w:r>
            <w:r w:rsidR="00C60792">
              <w:rPr>
                <w:rFonts w:ascii="PZPN" w:hAnsi="PZPN" w:cs="Arial"/>
                <w:b/>
                <w:sz w:val="20"/>
              </w:rPr>
              <w:t xml:space="preserve"> </w:t>
            </w:r>
            <w:r w:rsidRPr="00A01C32">
              <w:rPr>
                <w:rFonts w:ascii="PZPN" w:hAnsi="PZPN" w:cs="Arial"/>
                <w:b/>
                <w:sz w:val="20"/>
              </w:rPr>
              <w:t xml:space="preserve">/……….  </w:t>
            </w:r>
          </w:p>
        </w:tc>
        <w:tc>
          <w:tcPr>
            <w:tcW w:w="2374" w:type="dxa"/>
            <w:gridSpan w:val="2"/>
            <w:shd w:val="clear" w:color="auto" w:fill="F2F2F2" w:themeFill="background1" w:themeFillShade="F2"/>
            <w:vAlign w:val="bottom"/>
          </w:tcPr>
          <w:p w14:paraId="2296D819" w14:textId="7590B9EF" w:rsidR="006924BB" w:rsidRPr="00A01C32" w:rsidRDefault="006924BB" w:rsidP="006924BB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A01C32">
              <w:rPr>
                <w:rFonts w:ascii="PZPN" w:hAnsi="PZPN" w:cs="Arial"/>
                <w:b/>
                <w:sz w:val="20"/>
              </w:rPr>
              <w:t xml:space="preserve">Kolejka:  </w:t>
            </w:r>
          </w:p>
        </w:tc>
      </w:tr>
      <w:tr w:rsidR="003E7B6D" w:rsidRPr="000244E1" w14:paraId="408F0ACA" w14:textId="20F29E91" w:rsidTr="004714B7">
        <w:trPr>
          <w:trHeight w:val="352"/>
        </w:trPr>
        <w:tc>
          <w:tcPr>
            <w:tcW w:w="5259" w:type="dxa"/>
            <w:shd w:val="clear" w:color="auto" w:fill="F2F2F2" w:themeFill="background1" w:themeFillShade="F2"/>
            <w:vAlign w:val="bottom"/>
          </w:tcPr>
          <w:p w14:paraId="648AEC10" w14:textId="7A1B1185" w:rsidR="003E7B6D" w:rsidRPr="004714B7" w:rsidRDefault="003E7B6D" w:rsidP="00DF5640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>Gospodarze:</w:t>
            </w:r>
          </w:p>
        </w:tc>
        <w:tc>
          <w:tcPr>
            <w:tcW w:w="5200" w:type="dxa"/>
            <w:gridSpan w:val="5"/>
            <w:shd w:val="clear" w:color="auto" w:fill="F2F2F2" w:themeFill="background1" w:themeFillShade="F2"/>
            <w:vAlign w:val="bottom"/>
          </w:tcPr>
          <w:p w14:paraId="16B9D37B" w14:textId="14835A5A" w:rsidR="003E7B6D" w:rsidRPr="00A01C32" w:rsidRDefault="003E7B6D" w:rsidP="003E7B6D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A01C32">
              <w:rPr>
                <w:rFonts w:ascii="PZPN" w:hAnsi="PZPN" w:cs="Arial"/>
                <w:b/>
                <w:sz w:val="20"/>
              </w:rPr>
              <w:t xml:space="preserve">Goście: </w:t>
            </w:r>
          </w:p>
        </w:tc>
      </w:tr>
      <w:tr w:rsidR="003E7B6D" w:rsidRPr="000244E1" w14:paraId="3D5BBC02" w14:textId="77777777" w:rsidTr="004714B7">
        <w:trPr>
          <w:trHeight w:val="365"/>
        </w:trPr>
        <w:tc>
          <w:tcPr>
            <w:tcW w:w="6954" w:type="dxa"/>
            <w:gridSpan w:val="2"/>
            <w:shd w:val="clear" w:color="auto" w:fill="F2F2F2" w:themeFill="background1" w:themeFillShade="F2"/>
            <w:vAlign w:val="bottom"/>
          </w:tcPr>
          <w:p w14:paraId="2F131C9A" w14:textId="3A7A67C1" w:rsidR="003E7B6D" w:rsidRPr="004714B7" w:rsidRDefault="003E7B6D" w:rsidP="00DF5640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>Stadion / miejsce zawodów:</w:t>
            </w:r>
          </w:p>
        </w:tc>
        <w:tc>
          <w:tcPr>
            <w:tcW w:w="3505" w:type="dxa"/>
            <w:gridSpan w:val="4"/>
            <w:shd w:val="clear" w:color="auto" w:fill="F2F2F2" w:themeFill="background1" w:themeFillShade="F2"/>
            <w:vAlign w:val="bottom"/>
          </w:tcPr>
          <w:p w14:paraId="0B3CFA51" w14:textId="19161E0C" w:rsidR="003E7B6D" w:rsidRPr="00A01C32" w:rsidRDefault="003E7B6D" w:rsidP="00DF5640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A01C32">
              <w:rPr>
                <w:rFonts w:ascii="PZPN" w:hAnsi="PZPN" w:cs="Arial"/>
                <w:b/>
                <w:sz w:val="20"/>
              </w:rPr>
              <w:t>Data:</w:t>
            </w:r>
          </w:p>
        </w:tc>
      </w:tr>
      <w:tr w:rsidR="003E7B6D" w:rsidRPr="000244E1" w14:paraId="40497F31" w14:textId="77777777" w:rsidTr="004714B7">
        <w:trPr>
          <w:trHeight w:val="352"/>
        </w:trPr>
        <w:tc>
          <w:tcPr>
            <w:tcW w:w="10459" w:type="dxa"/>
            <w:gridSpan w:val="6"/>
            <w:shd w:val="clear" w:color="auto" w:fill="FFFFFF" w:themeFill="background1"/>
            <w:vAlign w:val="bottom"/>
          </w:tcPr>
          <w:p w14:paraId="584A952B" w14:textId="370BDA1B" w:rsidR="003E7B6D" w:rsidRPr="004714B7" w:rsidRDefault="003E7B6D" w:rsidP="00DF5640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 xml:space="preserve">Kierownik ds. Bezpieczeństwa (imię i nazwisko): </w:t>
            </w:r>
          </w:p>
        </w:tc>
      </w:tr>
      <w:tr w:rsidR="003E7B6D" w:rsidRPr="000244E1" w14:paraId="446CB77D" w14:textId="77777777" w:rsidTr="004714B7">
        <w:trPr>
          <w:trHeight w:val="352"/>
        </w:trPr>
        <w:tc>
          <w:tcPr>
            <w:tcW w:w="7523" w:type="dxa"/>
            <w:gridSpan w:val="3"/>
            <w:shd w:val="clear" w:color="auto" w:fill="FFFFFF" w:themeFill="background1"/>
            <w:vAlign w:val="bottom"/>
          </w:tcPr>
          <w:p w14:paraId="0413B28F" w14:textId="454E8B77" w:rsidR="003E7B6D" w:rsidRPr="004714B7" w:rsidRDefault="003E7B6D" w:rsidP="003E7B6D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>Decyzja o zezwoleniu na przeprowadzenie imprezy masowej:</w:t>
            </w:r>
          </w:p>
        </w:tc>
        <w:tc>
          <w:tcPr>
            <w:tcW w:w="1484" w:type="dxa"/>
            <w:gridSpan w:val="2"/>
            <w:shd w:val="clear" w:color="auto" w:fill="FFFFFF" w:themeFill="background1"/>
            <w:vAlign w:val="bottom"/>
          </w:tcPr>
          <w:p w14:paraId="02B5C7FB" w14:textId="714923F4" w:rsidR="003E7B6D" w:rsidRPr="00A01C32" w:rsidRDefault="003E7B6D" w:rsidP="003E7B6D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A01C32">
              <w:rPr>
                <w:rFonts w:ascii="PZPN" w:hAnsi="PZPN" w:cs="Arial"/>
                <w:b/>
                <w:sz w:val="20"/>
              </w:rPr>
              <w:t>[    ] tak</w:t>
            </w:r>
          </w:p>
        </w:tc>
        <w:tc>
          <w:tcPr>
            <w:tcW w:w="1452" w:type="dxa"/>
            <w:shd w:val="clear" w:color="auto" w:fill="FFFFFF" w:themeFill="background1"/>
            <w:vAlign w:val="bottom"/>
          </w:tcPr>
          <w:p w14:paraId="12C5AC39" w14:textId="1DF52BAC" w:rsidR="003E7B6D" w:rsidRPr="00A01C32" w:rsidRDefault="003E7B6D" w:rsidP="003E7B6D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A01C32">
              <w:rPr>
                <w:rFonts w:ascii="PZPN" w:hAnsi="PZPN" w:cs="Arial"/>
                <w:b/>
                <w:sz w:val="20"/>
              </w:rPr>
              <w:t>[    ] nie</w:t>
            </w:r>
          </w:p>
        </w:tc>
      </w:tr>
      <w:tr w:rsidR="003E7B6D" w:rsidRPr="000244E1" w14:paraId="1E0AFBE9" w14:textId="77777777" w:rsidTr="004714B7">
        <w:trPr>
          <w:trHeight w:val="352"/>
        </w:trPr>
        <w:tc>
          <w:tcPr>
            <w:tcW w:w="10459" w:type="dxa"/>
            <w:gridSpan w:val="6"/>
            <w:shd w:val="clear" w:color="auto" w:fill="FFFFFF" w:themeFill="background1"/>
            <w:vAlign w:val="center"/>
          </w:tcPr>
          <w:p w14:paraId="4A9DAD37" w14:textId="70DEA05E" w:rsidR="003E7B6D" w:rsidRPr="004714B7" w:rsidRDefault="003E7B6D" w:rsidP="003E7B6D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>Całkowita pojemność stadionu:                      Liczba miejsc udostępnionych dla widzów</w:t>
            </w:r>
            <w:r w:rsidR="006924BB" w:rsidRPr="004714B7">
              <w:rPr>
                <w:rFonts w:ascii="PZPN" w:hAnsi="PZPN" w:cs="Arial"/>
                <w:b/>
                <w:sz w:val="20"/>
              </w:rPr>
              <w:t>:</w:t>
            </w:r>
            <w:r w:rsidRPr="004714B7">
              <w:rPr>
                <w:rFonts w:ascii="PZPN" w:hAnsi="PZPN" w:cs="Arial"/>
                <w:b/>
                <w:sz w:val="20"/>
              </w:rPr>
              <w:t xml:space="preserve">                      </w:t>
            </w:r>
          </w:p>
        </w:tc>
      </w:tr>
      <w:tr w:rsidR="008D27F7" w:rsidRPr="000244E1" w14:paraId="0799E394" w14:textId="5C91BDB5" w:rsidTr="004714B7">
        <w:trPr>
          <w:trHeight w:val="352"/>
        </w:trPr>
        <w:tc>
          <w:tcPr>
            <w:tcW w:w="5259" w:type="dxa"/>
            <w:shd w:val="clear" w:color="auto" w:fill="FFFFFF" w:themeFill="background1"/>
            <w:vAlign w:val="center"/>
          </w:tcPr>
          <w:p w14:paraId="266EE6D3" w14:textId="77777777" w:rsidR="008D27F7" w:rsidRPr="004714B7" w:rsidRDefault="008D27F7" w:rsidP="003E7B6D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 xml:space="preserve">Liczba miejsc udostępnionych dla kibiców gości: </w:t>
            </w:r>
          </w:p>
        </w:tc>
        <w:tc>
          <w:tcPr>
            <w:tcW w:w="5200" w:type="dxa"/>
            <w:gridSpan w:val="5"/>
            <w:shd w:val="clear" w:color="auto" w:fill="FFFFFF" w:themeFill="background1"/>
            <w:vAlign w:val="center"/>
          </w:tcPr>
          <w:p w14:paraId="5E27A01E" w14:textId="14D8BABE" w:rsidR="008D27F7" w:rsidRPr="004714B7" w:rsidRDefault="008D27F7" w:rsidP="008D27F7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>Liczba wejść (punktów kontroli) dla kibiców gości:</w:t>
            </w:r>
          </w:p>
        </w:tc>
      </w:tr>
      <w:tr w:rsidR="003E7B6D" w:rsidRPr="000244E1" w14:paraId="1663EAC2" w14:textId="77777777" w:rsidTr="004714B7">
        <w:trPr>
          <w:trHeight w:val="365"/>
        </w:trPr>
        <w:tc>
          <w:tcPr>
            <w:tcW w:w="10459" w:type="dxa"/>
            <w:gridSpan w:val="6"/>
            <w:shd w:val="clear" w:color="auto" w:fill="FFFFFF" w:themeFill="background1"/>
            <w:vAlign w:val="center"/>
          </w:tcPr>
          <w:p w14:paraId="35BC5DB6" w14:textId="00773CC2" w:rsidR="003E7B6D" w:rsidRPr="004714B7" w:rsidRDefault="003E7B6D" w:rsidP="003E7B6D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 xml:space="preserve">Liczba udostępnionych miejsc dla kibiców </w:t>
            </w:r>
            <w:r w:rsidR="003A1EAA" w:rsidRPr="004714B7">
              <w:rPr>
                <w:rFonts w:ascii="PZPN" w:hAnsi="PZPN" w:cs="Arial"/>
                <w:b/>
                <w:sz w:val="20"/>
              </w:rPr>
              <w:t>z niepełnosprawnościami</w:t>
            </w:r>
            <w:r w:rsidRPr="004714B7">
              <w:rPr>
                <w:rFonts w:ascii="PZPN" w:hAnsi="PZPN" w:cs="Arial"/>
                <w:b/>
                <w:sz w:val="20"/>
              </w:rPr>
              <w:t>:</w:t>
            </w:r>
          </w:p>
        </w:tc>
      </w:tr>
      <w:tr w:rsidR="003E7B6D" w:rsidRPr="000244E1" w14:paraId="1BA8439E" w14:textId="77777777" w:rsidTr="004714B7">
        <w:trPr>
          <w:trHeight w:val="352"/>
        </w:trPr>
        <w:tc>
          <w:tcPr>
            <w:tcW w:w="10459" w:type="dxa"/>
            <w:gridSpan w:val="6"/>
            <w:shd w:val="clear" w:color="auto" w:fill="FFFFFF" w:themeFill="background1"/>
            <w:vAlign w:val="center"/>
          </w:tcPr>
          <w:p w14:paraId="1231CD93" w14:textId="33881B45" w:rsidR="003E7B6D" w:rsidRPr="004714B7" w:rsidRDefault="003E7B6D" w:rsidP="003E7B6D">
            <w:pPr>
              <w:spacing w:before="60" w:after="60"/>
              <w:rPr>
                <w:rFonts w:ascii="PZPN" w:hAnsi="PZPN" w:cs="Arial"/>
                <w:b/>
                <w:sz w:val="20"/>
              </w:rPr>
            </w:pPr>
            <w:r w:rsidRPr="004714B7">
              <w:rPr>
                <w:rFonts w:ascii="PZPN" w:hAnsi="PZPN" w:cs="Arial"/>
                <w:b/>
                <w:sz w:val="20"/>
              </w:rPr>
              <w:t>Spiker zawodów (imię i nazwisko):</w:t>
            </w:r>
          </w:p>
        </w:tc>
      </w:tr>
      <w:tr w:rsidR="003E7B6D" w:rsidRPr="000244E1" w14:paraId="4AD44293" w14:textId="77777777" w:rsidTr="004714B7">
        <w:trPr>
          <w:trHeight w:val="352"/>
        </w:trPr>
        <w:tc>
          <w:tcPr>
            <w:tcW w:w="10459" w:type="dxa"/>
            <w:gridSpan w:val="6"/>
            <w:shd w:val="clear" w:color="auto" w:fill="FFFFFF" w:themeFill="background1"/>
            <w:vAlign w:val="bottom"/>
          </w:tcPr>
          <w:p w14:paraId="2136B541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b/>
                <w:sz w:val="20"/>
              </w:rPr>
            </w:pPr>
            <w:r w:rsidRPr="004714B7">
              <w:rPr>
                <w:rFonts w:ascii="PZPN" w:hAnsi="PZPN"/>
                <w:b/>
                <w:sz w:val="20"/>
              </w:rPr>
              <w:t>Służby informacyjne i porządkowe (ogółem):</w:t>
            </w:r>
          </w:p>
        </w:tc>
      </w:tr>
      <w:tr w:rsidR="003E7B6D" w:rsidRPr="000244E1" w14:paraId="5616DBE1" w14:textId="77777777" w:rsidTr="004714B7">
        <w:trPr>
          <w:trHeight w:val="352"/>
        </w:trPr>
        <w:tc>
          <w:tcPr>
            <w:tcW w:w="10459" w:type="dxa"/>
            <w:gridSpan w:val="6"/>
            <w:shd w:val="clear" w:color="auto" w:fill="FFFFFF" w:themeFill="background1"/>
            <w:vAlign w:val="bottom"/>
          </w:tcPr>
          <w:p w14:paraId="4C0AD193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b/>
                <w:sz w:val="20"/>
              </w:rPr>
            </w:pPr>
            <w:r w:rsidRPr="004714B7">
              <w:rPr>
                <w:rFonts w:ascii="PZPN" w:hAnsi="PZPN"/>
                <w:b/>
                <w:sz w:val="20"/>
              </w:rPr>
              <w:t>W tym służby informacyjne i porządkowe posiadające Certyfikat Stewarda PZPN:</w:t>
            </w:r>
          </w:p>
        </w:tc>
      </w:tr>
      <w:tr w:rsidR="003E7B6D" w:rsidRPr="00045083" w14:paraId="131AB7B8" w14:textId="77777777" w:rsidTr="004714B7">
        <w:trPr>
          <w:trHeight w:val="352"/>
        </w:trPr>
        <w:tc>
          <w:tcPr>
            <w:tcW w:w="5259" w:type="dxa"/>
            <w:vAlign w:val="bottom"/>
          </w:tcPr>
          <w:p w14:paraId="45FE1AA8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b/>
                <w:sz w:val="20"/>
              </w:rPr>
            </w:pPr>
            <w:r w:rsidRPr="004714B7">
              <w:rPr>
                <w:rFonts w:ascii="PZPN" w:hAnsi="PZPN"/>
                <w:b/>
                <w:sz w:val="20"/>
              </w:rPr>
              <w:t xml:space="preserve">Liczba widzów (frekwencja ogółem): </w:t>
            </w:r>
          </w:p>
        </w:tc>
        <w:tc>
          <w:tcPr>
            <w:tcW w:w="5200" w:type="dxa"/>
            <w:gridSpan w:val="5"/>
            <w:vAlign w:val="bottom"/>
          </w:tcPr>
          <w:p w14:paraId="405189A8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b/>
                <w:sz w:val="20"/>
              </w:rPr>
            </w:pPr>
            <w:r w:rsidRPr="004714B7">
              <w:rPr>
                <w:rFonts w:ascii="PZPN" w:hAnsi="PZPN"/>
                <w:b/>
                <w:sz w:val="20"/>
              </w:rPr>
              <w:t>W tym kibice gości:</w:t>
            </w:r>
          </w:p>
        </w:tc>
      </w:tr>
      <w:tr w:rsidR="003E7B6D" w:rsidRPr="00F07C46" w14:paraId="16442474" w14:textId="77777777" w:rsidTr="004714B7">
        <w:trPr>
          <w:trHeight w:val="7575"/>
        </w:trPr>
        <w:tc>
          <w:tcPr>
            <w:tcW w:w="10459" w:type="dxa"/>
            <w:gridSpan w:val="6"/>
            <w:vAlign w:val="bottom"/>
          </w:tcPr>
          <w:p w14:paraId="0306BE7A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b/>
                <w:sz w:val="20"/>
              </w:rPr>
            </w:pPr>
            <w:r w:rsidRPr="004714B7">
              <w:rPr>
                <w:rFonts w:ascii="PZPN" w:hAnsi="PZPN"/>
                <w:b/>
                <w:sz w:val="20"/>
              </w:rPr>
              <w:t>UWAGI I ZALECENIA DELEGATA MECZOWEGO PZPN:</w:t>
            </w:r>
          </w:p>
          <w:p w14:paraId="34C5FD60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2A96286A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5D994180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5B72A0EB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579433E8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6B9831A2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48B4F256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60C1A907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007E5EF1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0B0CFE86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0C8D0C49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1A1D14F1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68B91729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1FBA6B88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4DBC044A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40FD7A74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574F7960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1EF02B6C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7EBE9603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708DF1BD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107FDB38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1409BB0E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5459B50B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  <w:p w14:paraId="1083403D" w14:textId="77777777" w:rsidR="003E7B6D" w:rsidRPr="004714B7" w:rsidRDefault="003E7B6D" w:rsidP="003E7B6D">
            <w:pPr>
              <w:spacing w:before="60" w:after="60"/>
              <w:rPr>
                <w:rFonts w:ascii="PZPN" w:hAnsi="PZPN"/>
                <w:sz w:val="20"/>
              </w:rPr>
            </w:pPr>
          </w:p>
        </w:tc>
      </w:tr>
    </w:tbl>
    <w:p w14:paraId="4C66F929" w14:textId="166A39CF" w:rsidR="004714B7" w:rsidRPr="004714B7" w:rsidRDefault="004865B7" w:rsidP="004714B7">
      <w:pPr>
        <w:spacing w:line="360" w:lineRule="auto"/>
        <w:ind w:left="5670" w:hanging="4962"/>
        <w:jc w:val="both"/>
        <w:rPr>
          <w:rFonts w:ascii="PZPN" w:hAnsi="PZPN"/>
          <w:sz w:val="20"/>
        </w:rPr>
      </w:pPr>
      <w:r w:rsidRPr="004714B7">
        <w:rPr>
          <w:rFonts w:ascii="PZPN" w:hAnsi="PZPN"/>
          <w:i/>
          <w:noProof/>
          <w:sz w:val="16"/>
        </w:rPr>
        <w:drawing>
          <wp:anchor distT="0" distB="0" distL="114300" distR="114300" simplePos="0" relativeHeight="251658240" behindDoc="0" locked="0" layoutInCell="1" allowOverlap="1" wp14:anchorId="58F799DF" wp14:editId="31BA0693">
            <wp:simplePos x="0" y="0"/>
            <wp:positionH relativeFrom="column">
              <wp:posOffset>1235710</wp:posOffset>
            </wp:positionH>
            <wp:positionV relativeFrom="paragraph">
              <wp:posOffset>-8611870</wp:posOffset>
            </wp:positionV>
            <wp:extent cx="208554" cy="314325"/>
            <wp:effectExtent l="0" t="0" r="1270" b="0"/>
            <wp:wrapNone/>
            <wp:docPr id="5" name="Obraz 5" descr="Obraz zawierający tekst, clipart&#10;&#10;Opis wygenerowany automatyczni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Obraz 5" descr="Obraz zawierający tekst, clipart&#10;&#10;Opis wygenerowany automatycznie"/>
                    <pic:cNvPicPr/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08554" cy="31432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3E7B6D" w:rsidRPr="004714B7">
        <w:rPr>
          <w:rFonts w:ascii="PZPN" w:hAnsi="PZPN"/>
          <w:sz w:val="20"/>
        </w:rPr>
        <w:t>Imię i nazwisko Delegata Meczowego PZPN</w:t>
      </w:r>
      <w:r w:rsidR="003E7B6D" w:rsidRPr="004714B7">
        <w:rPr>
          <w:rFonts w:ascii="PZPN" w:hAnsi="PZPN"/>
          <w:sz w:val="20"/>
        </w:rPr>
        <w:tab/>
        <w:t>Imię i nazwisko Kierownika ds. Bezpieczeństwa</w:t>
      </w:r>
    </w:p>
    <w:p w14:paraId="4926DB10" w14:textId="485292F9" w:rsidR="004714B7" w:rsidRPr="004714B7" w:rsidRDefault="003E7B6D" w:rsidP="004714B7">
      <w:pPr>
        <w:spacing w:line="360" w:lineRule="auto"/>
        <w:ind w:left="5670" w:hanging="3546"/>
        <w:jc w:val="both"/>
        <w:rPr>
          <w:rFonts w:ascii="PZPN" w:hAnsi="PZPN"/>
          <w:i/>
          <w:sz w:val="16"/>
        </w:rPr>
      </w:pPr>
      <w:r w:rsidRPr="004714B7">
        <w:rPr>
          <w:rFonts w:ascii="PZPN" w:hAnsi="PZPN"/>
          <w:i/>
          <w:sz w:val="16"/>
        </w:rPr>
        <w:t xml:space="preserve">(czytelny podpis) </w:t>
      </w:r>
      <w:r w:rsidRPr="004714B7">
        <w:rPr>
          <w:rFonts w:ascii="PZPN" w:hAnsi="PZPN"/>
          <w:sz w:val="16"/>
        </w:rPr>
        <w:tab/>
      </w:r>
      <w:r w:rsidRPr="004714B7">
        <w:rPr>
          <w:rFonts w:ascii="PZPN" w:hAnsi="PZPN"/>
          <w:sz w:val="16"/>
        </w:rPr>
        <w:tab/>
      </w:r>
      <w:r w:rsidRPr="004714B7">
        <w:rPr>
          <w:rFonts w:ascii="PZPN" w:hAnsi="PZPN"/>
          <w:sz w:val="16"/>
        </w:rPr>
        <w:tab/>
        <w:t xml:space="preserve">   </w:t>
      </w:r>
      <w:r w:rsidRPr="004714B7">
        <w:rPr>
          <w:rFonts w:ascii="PZPN" w:hAnsi="PZPN"/>
          <w:i/>
          <w:sz w:val="16"/>
        </w:rPr>
        <w:t>(czytelny podpis)</w:t>
      </w:r>
    </w:p>
    <w:p w14:paraId="1D87A95E" w14:textId="0DFB2F5E" w:rsidR="003E7B6D" w:rsidRPr="004714B7" w:rsidRDefault="003E7B6D" w:rsidP="00D87491">
      <w:pPr>
        <w:tabs>
          <w:tab w:val="left" w:pos="4536"/>
          <w:tab w:val="left" w:pos="5670"/>
          <w:tab w:val="left" w:pos="10348"/>
        </w:tabs>
        <w:spacing w:line="360" w:lineRule="auto"/>
        <w:ind w:left="708"/>
        <w:jc w:val="both"/>
        <w:rPr>
          <w:rFonts w:ascii="PZPN" w:hAnsi="PZPN"/>
          <w:sz w:val="20"/>
          <w:u w:val="single"/>
        </w:rPr>
      </w:pPr>
      <w:r w:rsidRPr="004714B7">
        <w:rPr>
          <w:rFonts w:ascii="PZPN" w:hAnsi="PZPN"/>
          <w:sz w:val="20"/>
        </w:rPr>
        <w:t>______________________________________________</w:t>
      </w:r>
      <w:r w:rsidRPr="004714B7">
        <w:rPr>
          <w:rFonts w:ascii="PZPN" w:hAnsi="PZPN"/>
          <w:sz w:val="20"/>
        </w:rPr>
        <w:tab/>
        <w:t>_________________________________________</w:t>
      </w:r>
    </w:p>
    <w:p w14:paraId="530E2493" w14:textId="5CFD1C0A" w:rsidR="00D56A16" w:rsidRDefault="003E7B6D" w:rsidP="00D87491">
      <w:pPr>
        <w:spacing w:line="360" w:lineRule="auto"/>
        <w:ind w:left="708"/>
        <w:jc w:val="both"/>
      </w:pPr>
      <w:r w:rsidRPr="004714B7">
        <w:rPr>
          <w:rFonts w:ascii="PZPN" w:hAnsi="PZPN"/>
          <w:sz w:val="20"/>
        </w:rPr>
        <w:t>Data i miejscowość  ______________________________</w:t>
      </w:r>
      <w:r w:rsidRPr="004714B7">
        <w:rPr>
          <w:rFonts w:ascii="PZPN" w:hAnsi="PZPN"/>
          <w:sz w:val="20"/>
        </w:rPr>
        <w:tab/>
        <w:t>Pieczęć Klubu _____________________________</w:t>
      </w:r>
      <w:r w:rsidRPr="00045083">
        <w:rPr>
          <w:sz w:val="20"/>
          <w:u w:val="single"/>
        </w:rPr>
        <w:t xml:space="preserve"> </w:t>
      </w:r>
    </w:p>
    <w:sectPr w:rsidR="00D56A16" w:rsidSect="00FA223F">
      <w:headerReference w:type="even" r:id="rId7"/>
      <w:headerReference w:type="default" r:id="rId8"/>
      <w:footerReference w:type="default" r:id="rId9"/>
      <w:footerReference w:type="first" r:id="rId10"/>
      <w:pgSz w:w="11907" w:h="16840" w:code="9"/>
      <w:pgMar w:top="1014" w:right="708" w:bottom="851" w:left="709" w:header="426" w:footer="132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E2CBFF0" w14:textId="77777777" w:rsidR="003E7B6D" w:rsidRDefault="003E7B6D" w:rsidP="003E7B6D">
      <w:pPr>
        <w:spacing w:after="0" w:line="240" w:lineRule="auto"/>
      </w:pPr>
      <w:r>
        <w:separator/>
      </w:r>
    </w:p>
  </w:endnote>
  <w:endnote w:type="continuationSeparator" w:id="0">
    <w:p w14:paraId="1BE19D08" w14:textId="77777777" w:rsidR="003E7B6D" w:rsidRDefault="003E7B6D" w:rsidP="003E7B6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  <w:font w:name="PZPN">
    <w:panose1 w:val="00000500000000000000"/>
    <w:charset w:val="00"/>
    <w:family w:val="modern"/>
    <w:notTrueType/>
    <w:pitch w:val="variable"/>
    <w:sig w:usb0="00000007" w:usb1="00000000" w:usb2="00000000" w:usb3="00000000" w:csb0="00000083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0872B1B" w14:textId="4815EC40" w:rsidR="005463FF" w:rsidRDefault="0031549E" w:rsidP="0031549E">
    <w:pPr>
      <w:pStyle w:val="Stopka"/>
      <w:jc w:val="right"/>
    </w:pPr>
    <w:r>
      <w:rPr>
        <w:noProof/>
        <w:lang w:val="pl-PL" w:eastAsia="pl-PL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5502F0D" wp14:editId="02FC370D">
              <wp:simplePos x="0" y="0"/>
              <wp:positionH relativeFrom="margin">
                <wp:align>right</wp:align>
              </wp:positionH>
              <wp:positionV relativeFrom="paragraph">
                <wp:posOffset>-156845</wp:posOffset>
              </wp:positionV>
              <wp:extent cx="6657975" cy="403860"/>
              <wp:effectExtent l="0" t="0" r="0" b="0"/>
              <wp:wrapNone/>
              <wp:docPr id="16" name="Pole tekstowe 1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/>
                    </wps:cNvSpPr>
                    <wps:spPr>
                      <a:xfrm>
                        <a:off x="0" y="0"/>
                        <a:ext cx="6657975" cy="40386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6CEF3829" w14:textId="350AA0AF" w:rsidR="00E77AB0" w:rsidRPr="004714B7" w:rsidRDefault="0031549E" w:rsidP="007D0A0F">
                          <w:pPr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</w:pPr>
                          <w:r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>Departament Organizacji Imprez, Bezpieczeństwa i Infrastruktury PZPN</w:t>
                          </w:r>
                          <w:r w:rsidR="006924BB"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 xml:space="preserve"> |</w:t>
                          </w:r>
                          <w:r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 xml:space="preserve"> bezpieczenstwo@pzpn.pl</w:t>
                          </w:r>
                          <w:r w:rsidR="006924BB"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 xml:space="preserve"> / tel. (22) 55 12 271 / (22) 55 12</w:t>
                          </w:r>
                          <w:r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> </w:t>
                          </w:r>
                          <w:r w:rsidR="006924BB"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>273</w:t>
                          </w:r>
                          <w:r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 xml:space="preserve"> (v. 202</w:t>
                          </w:r>
                          <w:r w:rsid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>3</w:t>
                          </w:r>
                          <w:r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>/0</w:t>
                          </w:r>
                          <w:r w:rsid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>7</w:t>
                          </w:r>
                          <w:r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>/</w:t>
                          </w:r>
                          <w:r w:rsid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>07</w:t>
                          </w:r>
                          <w:r w:rsidRPr="004714B7">
                            <w:rPr>
                              <w:rFonts w:ascii="PZPN" w:hAnsi="PZPN"/>
                              <w:b/>
                              <w:color w:val="C00000"/>
                              <w:sz w:val="16"/>
                            </w:rPr>
                            <w:t>)</w:t>
                          </w:r>
                        </w:p>
                      </w:txbxContent>
                    </wps:txbx>
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15502F0D" id="_x0000_t202" coordsize="21600,21600" o:spt="202" path="m,l,21600r21600,l21600,xe">
              <v:stroke joinstyle="miter"/>
              <v:path gradientshapeok="t" o:connecttype="rect"/>
            </v:shapetype>
            <v:shape id="Pole tekstowe 16" o:spid="_x0000_s1026" type="#_x0000_t202" style="position:absolute;left:0;text-align:left;margin-left:473.05pt;margin-top:-12.35pt;width:524.25pt;height:31.8pt;z-index:251660288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" filled="f" stroked="f" strokeweight=".5pt">
              <v:textbox>
                <w:txbxContent>
                  <w:p w14:paraId="6CEF3829" w14:textId="350AA0AF" w:rsidR="00E77AB0" w:rsidRPr="004714B7" w:rsidRDefault="0031549E" w:rsidP="007D0A0F">
                    <w:pPr>
                      <w:rPr>
                        <w:rFonts w:ascii="PZPN" w:hAnsi="PZPN"/>
                        <w:b/>
                        <w:color w:val="C00000"/>
                        <w:sz w:val="16"/>
                      </w:rPr>
                    </w:pPr>
                    <w:r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>Departament Organizacji Imprez, Bezpieczeństwa i Infrastruktury PZPN</w:t>
                    </w:r>
                    <w:r w:rsidR="006924BB"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 xml:space="preserve"> |</w:t>
                    </w:r>
                    <w:r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 xml:space="preserve"> bezpieczenstwo@pzpn.pl</w:t>
                    </w:r>
                    <w:r w:rsidR="006924BB"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 xml:space="preserve"> / tel. (22) 55 12 271 / (22) 55 12</w:t>
                    </w:r>
                    <w:r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> </w:t>
                    </w:r>
                    <w:r w:rsidR="006924BB"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>273</w:t>
                    </w:r>
                    <w:r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 xml:space="preserve"> (v. 202</w:t>
                    </w:r>
                    <w:r w:rsid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>3</w:t>
                    </w:r>
                    <w:r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>/0</w:t>
                    </w:r>
                    <w:r w:rsid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>7</w:t>
                    </w:r>
                    <w:r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>/</w:t>
                    </w:r>
                    <w:r w:rsid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>07</w:t>
                    </w:r>
                    <w:r w:rsidRPr="004714B7">
                      <w:rPr>
                        <w:rFonts w:ascii="PZPN" w:hAnsi="PZPN"/>
                        <w:b/>
                        <w:color w:val="C00000"/>
                        <w:sz w:val="16"/>
                      </w:rPr>
                      <w:t>)</w:t>
                    </w:r>
                  </w:p>
                </w:txbxContent>
              </v:textbox>
              <w10:wrap anchorx="margin"/>
            </v:shape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5FC8CFA" w14:textId="0AD79BA2" w:rsidR="00552480" w:rsidRPr="00C651C0" w:rsidRDefault="006924BB">
    <w:pPr>
      <w:pStyle w:val="Stopka"/>
      <w:rPr>
        <w:sz w:val="16"/>
        <w:lang w:val="pl-PL"/>
      </w:rPr>
    </w:pPr>
    <w:r>
      <w:fldChar w:fldCharType="begin"/>
    </w:r>
    <w:r w:rsidRPr="00780700">
      <w:rPr>
        <w:lang w:val="pl-PL"/>
      </w:rPr>
      <w:instrText xml:space="preserve"> FILENAME \p \* MERGEFORMAT </w:instrText>
    </w:r>
    <w:r>
      <w:fldChar w:fldCharType="separate"/>
    </w:r>
    <w:r w:rsidR="008D27F7" w:rsidRPr="008D27F7">
      <w:rPr>
        <w:noProof/>
        <w:sz w:val="16"/>
        <w:lang w:val="pl-PL"/>
      </w:rPr>
      <w:t>\\s01\profile\dorian.dziubinski\Desktop\IOZ_Informacja_Organizatora_Zawodów.docx</w:t>
    </w:r>
    <w:r>
      <w:rPr>
        <w:noProof/>
        <w:sz w:val="16"/>
        <w:lang w:val="pl-PL"/>
      </w:rPr>
      <w:fldChar w:fldCharType="end"/>
    </w:r>
    <w:r w:rsidRPr="00C651C0">
      <w:rPr>
        <w:sz w:val="16"/>
        <w:lang w:val="pl-PL"/>
      </w:rPr>
      <w:t>/</w:t>
    </w:r>
    <w:r>
      <w:fldChar w:fldCharType="begin"/>
    </w:r>
    <w:r w:rsidRPr="00780700">
      <w:rPr>
        <w:lang w:val="pl-PL"/>
      </w:rPr>
      <w:instrText xml:space="preserve"> USERINITIALS  \* MERGEFORMAT </w:instrText>
    </w:r>
    <w:r>
      <w:fldChar w:fldCharType="separate"/>
    </w:r>
    <w:r w:rsidR="008D27F7" w:rsidRPr="008D27F7">
      <w:rPr>
        <w:noProof/>
        <w:sz w:val="16"/>
        <w:lang w:val="pl-PL"/>
      </w:rPr>
      <w:t>DD</w:t>
    </w:r>
    <w:r>
      <w:rPr>
        <w:noProof/>
        <w:sz w:val="16"/>
        <w:lang w:val="pl-PL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3B69E59" w14:textId="77777777" w:rsidR="003E7B6D" w:rsidRDefault="003E7B6D" w:rsidP="003E7B6D">
      <w:pPr>
        <w:spacing w:after="0" w:line="240" w:lineRule="auto"/>
      </w:pPr>
      <w:r>
        <w:separator/>
      </w:r>
    </w:p>
  </w:footnote>
  <w:footnote w:type="continuationSeparator" w:id="0">
    <w:p w14:paraId="2C8BDAAA" w14:textId="77777777" w:rsidR="003E7B6D" w:rsidRDefault="003E7B6D" w:rsidP="003E7B6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84B0661" w14:textId="77777777" w:rsidR="00552480" w:rsidRDefault="006924BB" w:rsidP="00D205DB">
    <w:pPr>
      <w:pStyle w:val="Nagwek"/>
      <w:framePr w:wrap="around" w:vAnchor="text" w:hAnchor="margin" w:xAlign="right" w:y="1"/>
      <w:rPr>
        <w:rStyle w:val="Numerstrony"/>
      </w:rPr>
    </w:pPr>
    <w:r>
      <w:rPr>
        <w:rStyle w:val="Numerstrony"/>
      </w:rPr>
      <w:fldChar w:fldCharType="begin"/>
    </w:r>
    <w:r>
      <w:rPr>
        <w:rStyle w:val="Numerstrony"/>
      </w:rPr>
      <w:instrText xml:space="preserve">PAGE  </w:instrText>
    </w:r>
    <w:r>
      <w:rPr>
        <w:rStyle w:val="Numerstrony"/>
      </w:rPr>
      <w:fldChar w:fldCharType="separate"/>
    </w:r>
    <w:r>
      <w:rPr>
        <w:rStyle w:val="Numerstrony"/>
        <w:noProof/>
      </w:rPr>
      <w:t>7</w:t>
    </w:r>
    <w:r>
      <w:rPr>
        <w:rStyle w:val="Numerstrony"/>
      </w:rPr>
      <w:fldChar w:fldCharType="end"/>
    </w:r>
  </w:p>
  <w:p w14:paraId="2140A4A3" w14:textId="77777777" w:rsidR="00552480" w:rsidRDefault="00C60792" w:rsidP="00D205DB">
    <w:pPr>
      <w:pStyle w:val="Nagwek"/>
      <w:ind w:right="360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C582F0B" w14:textId="77777777" w:rsidR="00552480" w:rsidRPr="004714B7" w:rsidRDefault="006924BB" w:rsidP="00AB5C19">
    <w:pPr>
      <w:pStyle w:val="Nagwek"/>
      <w:tabs>
        <w:tab w:val="clear" w:pos="4153"/>
        <w:tab w:val="clear" w:pos="8306"/>
        <w:tab w:val="right" w:pos="9923"/>
      </w:tabs>
      <w:spacing w:after="120"/>
      <w:ind w:right="360"/>
      <w:jc w:val="center"/>
      <w:rPr>
        <w:rFonts w:ascii="PZPN" w:hAnsi="PZPN"/>
        <w:b/>
        <w:color w:val="C00000"/>
        <w:sz w:val="22"/>
        <w:lang w:val="pl-PL"/>
      </w:rPr>
    </w:pPr>
    <w:r w:rsidRPr="004714B7">
      <w:rPr>
        <w:rFonts w:ascii="PZPN" w:hAnsi="PZPN"/>
        <w:b/>
        <w:noProof/>
        <w:color w:val="C00000"/>
        <w:sz w:val="22"/>
        <w:lang w:val="pl-PL" w:eastAsia="pl-PL"/>
      </w:rPr>
      <w:drawing>
        <wp:anchor distT="0" distB="0" distL="114300" distR="114300" simplePos="0" relativeHeight="251659264" behindDoc="1" locked="0" layoutInCell="1" allowOverlap="1" wp14:anchorId="4EBC8386" wp14:editId="310E86A5">
          <wp:simplePos x="0" y="0"/>
          <wp:positionH relativeFrom="column">
            <wp:posOffset>-549910</wp:posOffset>
          </wp:positionH>
          <wp:positionV relativeFrom="paragraph">
            <wp:posOffset>-466725</wp:posOffset>
          </wp:positionV>
          <wp:extent cx="7905750" cy="180975"/>
          <wp:effectExtent l="19050" t="0" r="0" b="0"/>
          <wp:wrapNone/>
          <wp:docPr id="4" name="Obraz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05750" cy="18097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Pr="004714B7">
      <w:rPr>
        <w:rFonts w:ascii="PZPN" w:hAnsi="PZPN"/>
        <w:b/>
        <w:color w:val="C00000"/>
        <w:sz w:val="22"/>
        <w:lang w:val="pl-PL"/>
      </w:rPr>
      <w:t>INFORMACJA ORGANIZATORA ZAWODÓW (IOZ)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/>
  <w:defaultTabStop w:val="708"/>
  <w:hyphenationZone w:val="425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E7B6D"/>
    <w:rsid w:val="000177DB"/>
    <w:rsid w:val="0031549E"/>
    <w:rsid w:val="00345F7C"/>
    <w:rsid w:val="003A1EAA"/>
    <w:rsid w:val="003E7B6D"/>
    <w:rsid w:val="004151A1"/>
    <w:rsid w:val="004714B7"/>
    <w:rsid w:val="004865B7"/>
    <w:rsid w:val="006924BB"/>
    <w:rsid w:val="00870403"/>
    <w:rsid w:val="008D27F7"/>
    <w:rsid w:val="00A01C32"/>
    <w:rsid w:val="00C205E4"/>
    <w:rsid w:val="00C60792"/>
    <w:rsid w:val="00D56A16"/>
    <w:rsid w:val="00D87491"/>
    <w:rsid w:val="00FA22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,"/>
  <w:listSeparator w:val=";"/>
  <w14:docId w14:val="2926428E"/>
  <w15:chartTrackingRefBased/>
  <w15:docId w15:val="{4417EB29-8503-4D47-AE97-9F6DF24D5CD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ny">
    <w:name w:val="Normal"/>
    <w:qFormat/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Nagwek">
    <w:name w:val="header"/>
    <w:basedOn w:val="Normalny"/>
    <w:link w:val="NagwekZnak"/>
    <w:rsid w:val="003E7B6D"/>
    <w:pPr>
      <w:tabs>
        <w:tab w:val="center" w:pos="4153"/>
        <w:tab w:val="right" w:pos="8306"/>
      </w:tabs>
      <w:spacing w:after="0" w:line="240" w:lineRule="auto"/>
    </w:pPr>
    <w:rPr>
      <w:rFonts w:ascii="Arial" w:eastAsia="Times New Roman" w:hAnsi="Arial" w:cs="Times New Roman"/>
      <w:sz w:val="24"/>
      <w:szCs w:val="20"/>
      <w:lang w:val="en-GB"/>
    </w:rPr>
  </w:style>
  <w:style w:type="character" w:customStyle="1" w:styleId="NagwekZnak">
    <w:name w:val="Nagłówek Znak"/>
    <w:basedOn w:val="Domylnaczcionkaakapitu"/>
    <w:link w:val="Nagwek"/>
    <w:rsid w:val="003E7B6D"/>
    <w:rPr>
      <w:rFonts w:ascii="Arial" w:eastAsia="Times New Roman" w:hAnsi="Arial" w:cs="Times New Roman"/>
      <w:sz w:val="24"/>
      <w:szCs w:val="20"/>
      <w:lang w:val="en-GB"/>
    </w:rPr>
  </w:style>
  <w:style w:type="paragraph" w:styleId="Stopka">
    <w:name w:val="footer"/>
    <w:basedOn w:val="Normalny"/>
    <w:link w:val="StopkaZnak"/>
    <w:uiPriority w:val="99"/>
    <w:rsid w:val="003E7B6D"/>
    <w:pPr>
      <w:tabs>
        <w:tab w:val="center" w:pos="4153"/>
        <w:tab w:val="right" w:pos="8306"/>
      </w:tabs>
      <w:spacing w:after="0" w:line="240" w:lineRule="auto"/>
    </w:pPr>
    <w:rPr>
      <w:rFonts w:ascii="Arial" w:eastAsia="Times New Roman" w:hAnsi="Arial" w:cs="Times New Roman"/>
      <w:sz w:val="24"/>
      <w:szCs w:val="20"/>
      <w:lang w:val="en-GB"/>
    </w:rPr>
  </w:style>
  <w:style w:type="character" w:customStyle="1" w:styleId="StopkaZnak">
    <w:name w:val="Stopka Znak"/>
    <w:basedOn w:val="Domylnaczcionkaakapitu"/>
    <w:link w:val="Stopka"/>
    <w:uiPriority w:val="99"/>
    <w:rsid w:val="003E7B6D"/>
    <w:rPr>
      <w:rFonts w:ascii="Arial" w:eastAsia="Times New Roman" w:hAnsi="Arial" w:cs="Times New Roman"/>
      <w:sz w:val="24"/>
      <w:szCs w:val="20"/>
      <w:lang w:val="en-GB"/>
    </w:rPr>
  </w:style>
  <w:style w:type="character" w:styleId="Numerstrony">
    <w:name w:val="page number"/>
    <w:basedOn w:val="Domylnaczcionkaakapitu"/>
    <w:rsid w:val="003E7B6D"/>
  </w:style>
  <w:style w:type="character" w:styleId="Hipercze">
    <w:name w:val="Hyperlink"/>
    <w:basedOn w:val="Domylnaczcionkaakapitu"/>
    <w:rsid w:val="003E7B6D"/>
    <w:rPr>
      <w:color w:val="0000FF"/>
      <w:u w:val="single"/>
    </w:rPr>
  </w:style>
  <w:style w:type="character" w:styleId="Nierozpoznanawzmianka">
    <w:name w:val="Unresolved Mention"/>
    <w:basedOn w:val="Domylnaczcionkaakapitu"/>
    <w:uiPriority w:val="99"/>
    <w:semiHidden/>
    <w:unhideWhenUsed/>
    <w:rsid w:val="0031549E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fontTable" Target="fontTable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2</TotalTime>
  <Pages>1</Pages>
  <Words>129</Words>
  <Characters>980</Characters>
  <Application>Microsoft Office Word</Application>
  <DocSecurity>0</DocSecurity>
  <Lines>54</Lines>
  <Paragraphs>30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orian Dziubiński</dc:creator>
  <cp:keywords/>
  <dc:description/>
  <cp:lastModifiedBy>Daniel Burak</cp:lastModifiedBy>
  <cp:revision>14</cp:revision>
  <cp:lastPrinted>2022-06-30T12:47:00Z</cp:lastPrinted>
  <dcterms:created xsi:type="dcterms:W3CDTF">2022-06-30T12:20:00Z</dcterms:created>
  <dcterms:modified xsi:type="dcterms:W3CDTF">2023-07-07T07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GrammarlyDocumentId">
    <vt:lpwstr>e2065e62efafdadff0a1f692124602e355b5388fe55125e9eda638dd360c1839</vt:lpwstr>
  </property>
</Properties>
</file>